
<file path=[Content_Types].xml><?xml version="1.0" encoding="utf-8"?>
<Types xmlns="http://schemas.openxmlformats.org/package/2006/content-types"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5"/>
  </p:notesMasterIdLst>
  <p:sldIdLst>
    <p:sldId id="256" r:id="rId2"/>
    <p:sldId id="257" r:id="rId3"/>
    <p:sldId id="258" r:id="rId4"/>
  </p:sldIdLst>
  <p:sldSz cx="9144000" cy="6858000" type="screen4x3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11" d="100"/>
          <a:sy n="111" d="100"/>
        </p:scale>
        <p:origin x="-1662" y="-9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CA372B1-F4B7-42D6-A3EF-5850EC66C473}" type="datetimeFigureOut">
              <a:rPr lang="ru-RU" smtClean="0"/>
              <a:t>27.01.2012</a:t>
            </a:fld>
            <a:endParaRPr lang="ru-RU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AF27E9D-84E0-4AFF-A4A1-BBD6EE5643A8}" type="slidenum">
              <a:rPr lang="ru-RU" smtClean="0"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AF27E9D-84E0-4AFF-A4A1-BBD6EE5643A8}" type="slidenum">
              <a:rPr lang="ru-RU" smtClean="0"/>
              <a:t>1</a:t>
            </a:fld>
            <a:endParaRPr lang="ru-RU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AF27E9D-84E0-4AFF-A4A1-BBD6EE5643A8}" type="slidenum">
              <a:rPr lang="ru-RU" smtClean="0"/>
              <a:t>2</a:t>
            </a:fld>
            <a:endParaRPr lang="ru-RU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AF27E9D-84E0-4AFF-A4A1-BBD6EE5643A8}" type="slidenum">
              <a:rPr lang="ru-RU" smtClean="0"/>
              <a:t>3</a:t>
            </a:fld>
            <a:endParaRPr lang="ru-RU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D80BB83-C653-4286-8245-9B2DBA4F45C1}" type="datetimeFigureOut">
              <a:rPr lang="ru-RU" smtClean="0"/>
              <a:pPr/>
              <a:t>27.01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6FAB3C-D311-4ACC-8E39-14D39CC46C87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miley Face 3"/>
          <p:cNvSpPr/>
          <p:nvPr/>
        </p:nvSpPr>
        <p:spPr>
          <a:xfrm>
            <a:off x="3707904" y="2420888"/>
            <a:ext cx="1656184" cy="1584176"/>
          </a:xfrm>
          <a:prstGeom prst="smileyFac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2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2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2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31" presetClass="entr" presetSubtype="0" fill="hold" grpId="1" nodeType="withEffect">
                                  <p:stCondLst>
                                    <p:cond delay="0"/>
                                  </p:stCondLst>
                                  <p:iterate type="lt">
                                    <p:tmPct val="5000"/>
                                  </p:iterate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" dur="2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2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2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xit" presetSubtype="3" fill="hold" grpId="2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 calcmode="lin" valueType="num">
                                      <p:cBhvr additive="base">
                                        <p:cTn id="18" dur="20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1+ppt_w/2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9" dur="20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0-ppt_h/2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31" presetClass="exit" presetSubtype="0" fill="hold" grpId="3" nodeType="withEffect">
                                  <p:stCondLst>
                                    <p:cond delay="0"/>
                                  </p:stCondLst>
                                  <p:iterate type="lt">
                                    <p:tmPct val="5000"/>
                                  </p:iterate>
                                  <p:childTnLst>
                                    <p:anim calcmode="lin" valueType="num">
                                      <p:cBhvr>
                                        <p:cTn id="22" dur="20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20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2000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9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5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19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4" grpId="1" animBg="1"/>
      <p:bldP spid="4" grpId="2" animBg="1"/>
      <p:bldP spid="4" grpId="3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 descr="Hydrangeas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2555776" y="1844824"/>
            <a:ext cx="3995936" cy="2996952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val 5"/>
          <p:cNvSpPr/>
          <p:nvPr/>
        </p:nvSpPr>
        <p:spPr>
          <a:xfrm>
            <a:off x="-1188640" y="2492896"/>
            <a:ext cx="914400" cy="914400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4" presetClass="path" presetSubtype="0" accel="50000" decel="5000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3663 -0.05968 C 0.05034 -0.07888 0.0993 -0.09808 0.11631 -0.09808 C 0.22482 -0.09808 0.33628 0.20426 0.33628 0.5066 C 0.33628 0.35393 0.39166 0.20426 0.44444 0.20426 C 0.50017 0.20426 0.55295 0.35647 0.55295 0.5066 C 0.55295 0.43119 0.58072 0.35393 0.60868 0.35393 C 0.63645 0.35393 0.66441 0.4291 0.66441 0.5066 C 0.66441 0.46773 0.67812 0.43119 0.69218 0.43119 C 0.7059 0.43119 0.72013 0.46982 0.72013 0.5066 C 0.72013 0.48693 0.72743 0.46773 0.73385 0.46773 C 0.73767 0.46773 0.74791 0.48693 0.74791 0.5066 C 0.74791 0.49665 0.75138 0.48693 0.75486 0.48693 C 0.75486 0.48948 0.76232 0.49665 0.76232 0.5066 C 0.76232 0.50174 0.76232 0.49665 0.76597 0.49665 C 0.76597 0.49919 0.76961 0.50128 0.76961 0.5066 C 0.76961 0.50382 0.76961 0.50174 0.76961 0.49919 C 0.77326 0.49919 0.77326 0.50174 0.77326 0.50382 C 0.77691 0.50382 0.77691 0.50128 0.77691 0.49919 C 0.78072 0.49919 0.78072 0.50174 0.78072 0.50382 " pathEditMode="relative" rAng="0" ptsTypes="fffffffffffffffffff">
                                      <p:cBhvr>
                                        <p:cTn id="6" dur="3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72" y="26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SCORM_RATE_QUIZZES" val="0"/>
  <p:tag name="ISPRING_SCORM_PASSING_SCORE" val="0.0000000000"/>
  <p:tag name="ISPRING_RESOURCE_PATHS_HASH_2" val="33b542eb46ff2eb66eee88709e34421a88d84df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4</TotalTime>
  <Words>3</Words>
  <Application>Microsoft Office PowerPoint</Application>
  <PresentationFormat>On-screen Show (4:3)</PresentationFormat>
  <Paragraphs>3</Paragraphs>
  <Slides>3</Slides>
  <Notes>3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4" baseType="lpstr">
      <vt:lpstr>Office Theme</vt:lpstr>
      <vt:lpstr>Slide 1</vt:lpstr>
      <vt:lpstr>Slide 2</vt:lpstr>
      <vt:lpstr>Slide 3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lide 1</dc:title>
  <dc:creator>iSpring Solutions Inc.</dc:creator>
  <cp:lastModifiedBy/>
  <cp:revision>6</cp:revision>
  <dcterms:created xsi:type="dcterms:W3CDTF">2012-01-27T17:15:30Z</dcterms:created>
  <dcterms:modified xsi:type="dcterms:W3CDTF">2012-01-27T19:41:55Z</dcterms:modified>
</cp:coreProperties>
</file>